
<file path=[Content_Types].xml><?xml version="1.0" encoding="utf-8"?>
<Types xmlns="http://schemas.openxmlformats.org/package/2006/content-types">
  <Override PartName="/word/footnotes.xml" ContentType="application/vnd.openxmlformats-officedocument.wordprocessingml.footnot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8F7DAE" w:rsidRDefault="00031064">
      <w:pPr>
        <w:rPr>
          <w:rFonts w:ascii="微软雅黑" w:eastAsia="微软雅黑" w:hAnsi="微软雅黑" w:hint="eastAsia"/>
          <w:color w:val="000000"/>
        </w:rPr>
      </w:pPr>
      <w:r>
        <w:rPr>
          <w:rFonts w:ascii="微软雅黑" w:eastAsia="微软雅黑" w:hAnsi="微软雅黑" w:hint="eastAsia"/>
          <w:color w:val="000000"/>
        </w:rPr>
        <w:t>为Windows Server 2003移植系统还原</w:t>
      </w:r>
    </w:p>
    <w:p w:rsidR="00031064" w:rsidRPr="00031064" w:rsidRDefault="00031064" w:rsidP="00031064">
      <w:pPr>
        <w:widowControl/>
        <w:spacing w:before="100" w:beforeAutospacing="1" w:after="100" w:afterAutospacing="1" w:line="420" w:lineRule="atLeast"/>
        <w:rPr>
          <w:rFonts w:ascii="微软雅黑" w:eastAsia="微软雅黑" w:hAnsi="微软雅黑" w:cs="宋体"/>
          <w:color w:val="333333"/>
          <w:kern w:val="0"/>
          <w:sz w:val="24"/>
          <w:szCs w:val="24"/>
        </w:rPr>
      </w:pPr>
      <w:r w:rsidRPr="00031064">
        <w:rPr>
          <w:rFonts w:ascii="微软雅黑" w:eastAsia="微软雅黑" w:hAnsi="微软雅黑" w:cs="宋体" w:hint="eastAsia"/>
          <w:color w:val="333333"/>
          <w:kern w:val="0"/>
          <w:sz w:val="24"/>
          <w:szCs w:val="24"/>
        </w:rPr>
        <w:t>用过Windows XP的用户都知道，在Windows XP中有一个很贴心、很实用的功能——系统还原。该功能在系统运行正常时可以自动地创建多个还原点，当系统出现问题后可以帮助用户非常方便地还原到以前的某一个还原点，快速恢复系统。不过，在号称是Windows XP服务器版的Windows 2003中，微软并没有集成该功能，这不能不令许多喜爱系统还原功能的用户感到遗憾。今天，就让我们充分发扬一下DIY精神，将Windows XP中的系统还原功能移植到Windows 2003中!请先准备好一张Windows XP安装光盘，然后就跟我来吧：</w:t>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t xml:space="preserve">　　第1步 进入到Windows 2003操作系统中，将Windows XP安装光盘插入光驱的同时按住Shift键取消其自动运行。单击“开始→运行”命令，在运行对话框中输入“</w:t>
      </w:r>
      <w:proofErr w:type="spellStart"/>
      <w:r w:rsidRPr="00031064">
        <w:rPr>
          <w:rFonts w:ascii="微软雅黑" w:eastAsia="微软雅黑" w:hAnsi="微软雅黑" w:cs="宋体" w:hint="eastAsia"/>
          <w:color w:val="333333"/>
          <w:kern w:val="0"/>
          <w:sz w:val="24"/>
          <w:szCs w:val="24"/>
        </w:rPr>
        <w:t>cmd</w:t>
      </w:r>
      <w:proofErr w:type="spellEnd"/>
      <w:r w:rsidRPr="00031064">
        <w:rPr>
          <w:rFonts w:ascii="微软雅黑" w:eastAsia="微软雅黑" w:hAnsi="微软雅黑" w:cs="宋体" w:hint="eastAsia"/>
          <w:color w:val="333333"/>
          <w:kern w:val="0"/>
          <w:sz w:val="24"/>
          <w:szCs w:val="24"/>
        </w:rPr>
        <w:t>”后回车，打开命令提示符窗口。在命令提示符后面输入“expand X:\i386\sr.in_ C:\sr.inf”后回车，将Windows XP安装光盘i386目录下的</w:t>
      </w:r>
      <w:proofErr w:type="spellStart"/>
      <w:r w:rsidRPr="00031064">
        <w:rPr>
          <w:rFonts w:ascii="微软雅黑" w:eastAsia="微软雅黑" w:hAnsi="微软雅黑" w:cs="宋体" w:hint="eastAsia"/>
          <w:color w:val="333333"/>
          <w:kern w:val="0"/>
          <w:sz w:val="24"/>
          <w:szCs w:val="24"/>
        </w:rPr>
        <w:t>sr.in</w:t>
      </w:r>
      <w:proofErr w:type="spellEnd"/>
      <w:r w:rsidRPr="00031064">
        <w:rPr>
          <w:rFonts w:ascii="微软雅黑" w:eastAsia="微软雅黑" w:hAnsi="微软雅黑" w:cs="宋体" w:hint="eastAsia"/>
          <w:color w:val="333333"/>
          <w:kern w:val="0"/>
          <w:sz w:val="24"/>
          <w:szCs w:val="24"/>
        </w:rPr>
        <w:t>_提取到C盘根目录下，如图1所示。其中，X指光驱的盘符，用户请根据自己的实际情况做适当修改。</w:t>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t xml:space="preserve">　　</w:t>
      </w:r>
      <w:r>
        <w:rPr>
          <w:rFonts w:ascii="微软雅黑" w:eastAsia="微软雅黑" w:hAnsi="微软雅黑" w:cs="宋体"/>
          <w:noProof/>
          <w:color w:val="333333"/>
          <w:kern w:val="0"/>
          <w:sz w:val="24"/>
          <w:szCs w:val="24"/>
        </w:rPr>
        <w:drawing>
          <wp:inline distT="0" distB="0" distL="0" distR="0">
            <wp:extent cx="4733925" cy="2552700"/>
            <wp:effectExtent l="19050" t="0" r="9525" b="0"/>
            <wp:docPr id="1" name="图片 1" descr="http://cimage.tianjimedia.com/imagelist/2007/325/6363csb7k1w6.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cimage.tianjimedia.com/imagelist/2007/325/6363csb7k1w6.gif"/>
                    <pic:cNvPicPr>
                      <a:picLocks noChangeAspect="1" noChangeArrowheads="1"/>
                    </pic:cNvPicPr>
                  </pic:nvPicPr>
                  <pic:blipFill>
                    <a:blip r:embed="rId6" cstate="print"/>
                    <a:srcRect/>
                    <a:stretch>
                      <a:fillRect/>
                    </a:stretch>
                  </pic:blipFill>
                  <pic:spPr bwMode="auto">
                    <a:xfrm>
                      <a:off x="0" y="0"/>
                      <a:ext cx="4733925" cy="2552700"/>
                    </a:xfrm>
                    <a:prstGeom prst="rect">
                      <a:avLst/>
                    </a:prstGeom>
                    <a:noFill/>
                    <a:ln w="9525">
                      <a:noFill/>
                      <a:miter lim="800000"/>
                      <a:headEnd/>
                      <a:tailEnd/>
                    </a:ln>
                  </pic:spPr>
                </pic:pic>
              </a:graphicData>
            </a:graphic>
          </wp:inline>
        </w:drawing>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lastRenderedPageBreak/>
        <w:t xml:space="preserve">　　图1 提取sr.inf文件</w:t>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t xml:space="preserve">　　第2步 打开资源管理器，在C盘的根目录下用鼠标右键单击刚刚释放出来的sr.inf文件，选择“安装”命令，开始复制文件。在安装过程中，安装程序会提示你找不到某些文件，此时请单击提示对话框的“浏览”按钮，定位到Windows XP安装光盘的i386目录，然后单击“确定”按钮即可。</w:t>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t xml:space="preserve">　　第3步 安装完毕后系统会给出“系统设置改变”的提示，并要求重新启动计算机。重新启动计算机时，在启动过程中会出现错误提示，不必理会，直接单击“确定”按钮将其取消。</w:t>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t xml:space="preserve">　　第4步 单击“开始→运行”命令，在打开的运行对话框中键入“</w:t>
      </w:r>
      <w:proofErr w:type="spellStart"/>
      <w:r w:rsidRPr="00031064">
        <w:rPr>
          <w:rFonts w:ascii="微软雅黑" w:eastAsia="微软雅黑" w:hAnsi="微软雅黑" w:cs="宋体" w:hint="eastAsia"/>
          <w:color w:val="333333"/>
          <w:kern w:val="0"/>
          <w:sz w:val="24"/>
          <w:szCs w:val="24"/>
        </w:rPr>
        <w:t>regedit</w:t>
      </w:r>
      <w:proofErr w:type="spellEnd"/>
      <w:r w:rsidRPr="00031064">
        <w:rPr>
          <w:rFonts w:ascii="微软雅黑" w:eastAsia="微软雅黑" w:hAnsi="微软雅黑" w:cs="宋体" w:hint="eastAsia"/>
          <w:color w:val="333333"/>
          <w:kern w:val="0"/>
          <w:sz w:val="24"/>
          <w:szCs w:val="24"/>
        </w:rPr>
        <w:t>”后回车打开注册表编辑器。依次展开[HKEY_LOCAL_MACHINE\SOFT-</w:t>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t xml:space="preserve">　　WARE\Microsoft\Windows NT\</w:t>
      </w:r>
      <w:proofErr w:type="spellStart"/>
      <w:r w:rsidRPr="00031064">
        <w:rPr>
          <w:rFonts w:ascii="微软雅黑" w:eastAsia="微软雅黑" w:hAnsi="微软雅黑" w:cs="宋体" w:hint="eastAsia"/>
          <w:color w:val="333333"/>
          <w:kern w:val="0"/>
          <w:sz w:val="24"/>
          <w:szCs w:val="24"/>
        </w:rPr>
        <w:t>CurrentVersion</w:t>
      </w:r>
      <w:proofErr w:type="spellEnd"/>
      <w:r w:rsidRPr="00031064">
        <w:rPr>
          <w:rFonts w:ascii="微软雅黑" w:eastAsia="微软雅黑" w:hAnsi="微软雅黑" w:cs="宋体" w:hint="eastAsia"/>
          <w:color w:val="333333"/>
          <w:kern w:val="0"/>
          <w:sz w:val="24"/>
          <w:szCs w:val="24"/>
        </w:rPr>
        <w:t>\</w:t>
      </w:r>
      <w:proofErr w:type="spellStart"/>
      <w:r w:rsidRPr="00031064">
        <w:rPr>
          <w:rFonts w:ascii="微软雅黑" w:eastAsia="微软雅黑" w:hAnsi="微软雅黑" w:cs="宋体" w:hint="eastAsia"/>
          <w:color w:val="333333"/>
          <w:kern w:val="0"/>
          <w:sz w:val="24"/>
          <w:szCs w:val="24"/>
        </w:rPr>
        <w:t>SvcHost</w:t>
      </w:r>
      <w:proofErr w:type="spellEnd"/>
      <w:r w:rsidRPr="00031064">
        <w:rPr>
          <w:rFonts w:ascii="微软雅黑" w:eastAsia="微软雅黑" w:hAnsi="微软雅黑" w:cs="宋体" w:hint="eastAsia"/>
          <w:color w:val="333333"/>
          <w:kern w:val="0"/>
          <w:sz w:val="24"/>
          <w:szCs w:val="24"/>
        </w:rPr>
        <w:t>]</w:t>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t xml:space="preserve">　　分支，在右侧窗口中找到名为“</w:t>
      </w:r>
      <w:proofErr w:type="spellStart"/>
      <w:r w:rsidRPr="00031064">
        <w:rPr>
          <w:rFonts w:ascii="微软雅黑" w:eastAsia="微软雅黑" w:hAnsi="微软雅黑" w:cs="宋体" w:hint="eastAsia"/>
          <w:color w:val="333333"/>
          <w:kern w:val="0"/>
          <w:sz w:val="24"/>
          <w:szCs w:val="24"/>
        </w:rPr>
        <w:t>netsvcs</w:t>
      </w:r>
      <w:proofErr w:type="spellEnd"/>
      <w:r w:rsidRPr="00031064">
        <w:rPr>
          <w:rFonts w:ascii="微软雅黑" w:eastAsia="微软雅黑" w:hAnsi="微软雅黑" w:cs="宋体" w:hint="eastAsia"/>
          <w:color w:val="333333"/>
          <w:kern w:val="0"/>
          <w:sz w:val="24"/>
          <w:szCs w:val="24"/>
        </w:rPr>
        <w:t>”的多字符串值(如果没有请在右侧窗口中单击鼠标右键，选择“新建→多字符串值”)，双击打开“编辑多字符串”窗口，在“数值数据”文本框中输入以下内容(注意：为了描述方便，在本文中每项之间用分号隔开，在实际输入时，每项要占一行，也就是输完一项后要按一下回车键到下行继续输入)：</w:t>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t xml:space="preserve">　　AppMgmt;AudioSrv;Browser;CryptSvc;DMServer;EventSystem;HidServ;Ias;Iprip;Irmon;LanmanServer;LanmanWorkstation;Messenger;Netman;Nla</w:t>
      </w:r>
      <w:r w:rsidRPr="00031064">
        <w:rPr>
          <w:rFonts w:ascii="微软雅黑" w:eastAsia="微软雅黑" w:hAnsi="微软雅黑" w:cs="宋体" w:hint="eastAsia"/>
          <w:color w:val="333333"/>
          <w:kern w:val="0"/>
          <w:sz w:val="24"/>
          <w:szCs w:val="24"/>
        </w:rPr>
        <w:lastRenderedPageBreak/>
        <w:t>;Ntmssvc;NWCWorkstation;Nwsapagent;Rasauto;Rasman;Remoteaccess;Sacsvr;Schedulu;Seclogon;SENS;Sharedaccess;Themes;TrkWks;TrkSvr;W32Time;WZCSVC;Wmi;WmdmPmSp;winmgmt;wuauserv;BITS;ShellHWDetection;helpsvc;uploadmgr;WmdmP]SN;SRServic</w:t>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t xml:space="preserve">　　输入完毕后，经检查确定无误后，单击“确定”按钮并关闭注册表编辑器。</w:t>
      </w:r>
    </w:p>
    <w:p w:rsidR="00031064" w:rsidRPr="00031064" w:rsidRDefault="00031064" w:rsidP="00031064">
      <w:pPr>
        <w:widowControl/>
        <w:spacing w:before="100" w:beforeAutospacing="1" w:after="100" w:afterAutospacing="1" w:line="420" w:lineRule="atLeast"/>
        <w:rPr>
          <w:rFonts w:ascii="微软雅黑" w:eastAsia="微软雅黑" w:hAnsi="微软雅黑" w:cs="宋体"/>
          <w:color w:val="333333"/>
          <w:kern w:val="0"/>
          <w:sz w:val="24"/>
          <w:szCs w:val="24"/>
        </w:rPr>
      </w:pPr>
      <w:r w:rsidRPr="00031064">
        <w:rPr>
          <w:rFonts w:ascii="微软雅黑" w:eastAsia="微软雅黑" w:hAnsi="微软雅黑" w:cs="宋体" w:hint="eastAsia"/>
          <w:color w:val="333333"/>
          <w:kern w:val="0"/>
          <w:sz w:val="24"/>
          <w:szCs w:val="24"/>
        </w:rPr>
        <w:t>第5步 重新启动计算机，你会发现错误提示已经没有了。现在我们在桌面上用鼠标右键单击“我的电脑”，选择“属性”，打开“系统属性”对话框，如图2所示，“系统还原”选项卡出现了!</w:t>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t xml:space="preserve">　　</w:t>
      </w:r>
      <w:r>
        <w:rPr>
          <w:rFonts w:ascii="微软雅黑" w:eastAsia="微软雅黑" w:hAnsi="微软雅黑" w:cs="宋体"/>
          <w:noProof/>
          <w:color w:val="333333"/>
          <w:kern w:val="0"/>
          <w:sz w:val="24"/>
          <w:szCs w:val="24"/>
        </w:rPr>
        <w:drawing>
          <wp:inline distT="0" distB="0" distL="0" distR="0">
            <wp:extent cx="3810000" cy="4086225"/>
            <wp:effectExtent l="19050" t="0" r="0" b="0"/>
            <wp:docPr id="3" name="图片 3" descr="http://cimage.tianjimedia.com/imagelist/2007/325/52415f1x90vk.g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cimage.tianjimedia.com/imagelist/2007/325/52415f1x90vk.gif"/>
                    <pic:cNvPicPr>
                      <a:picLocks noChangeAspect="1" noChangeArrowheads="1"/>
                    </pic:cNvPicPr>
                  </pic:nvPicPr>
                  <pic:blipFill>
                    <a:blip r:embed="rId7" cstate="print"/>
                    <a:srcRect/>
                    <a:stretch>
                      <a:fillRect/>
                    </a:stretch>
                  </pic:blipFill>
                  <pic:spPr bwMode="auto">
                    <a:xfrm>
                      <a:off x="0" y="0"/>
                      <a:ext cx="3810000" cy="4086225"/>
                    </a:xfrm>
                    <a:prstGeom prst="rect">
                      <a:avLst/>
                    </a:prstGeom>
                    <a:noFill/>
                    <a:ln w="9525">
                      <a:noFill/>
                      <a:miter lim="800000"/>
                      <a:headEnd/>
                      <a:tailEnd/>
                    </a:ln>
                  </pic:spPr>
                </pic:pic>
              </a:graphicData>
            </a:graphic>
          </wp:inline>
        </w:drawing>
      </w:r>
    </w:p>
    <w:p w:rsidR="00031064" w:rsidRPr="00031064" w:rsidRDefault="00031064" w:rsidP="00031064">
      <w:pPr>
        <w:widowControl/>
        <w:spacing w:before="100" w:beforeAutospacing="1" w:after="100" w:afterAutospacing="1" w:line="420" w:lineRule="atLeast"/>
        <w:rPr>
          <w:rFonts w:ascii="微软雅黑" w:eastAsia="微软雅黑" w:hAnsi="微软雅黑" w:cs="宋体" w:hint="eastAsia"/>
          <w:color w:val="333333"/>
          <w:kern w:val="0"/>
          <w:sz w:val="24"/>
          <w:szCs w:val="24"/>
        </w:rPr>
      </w:pPr>
      <w:r w:rsidRPr="00031064">
        <w:rPr>
          <w:rFonts w:ascii="微软雅黑" w:eastAsia="微软雅黑" w:hAnsi="微软雅黑" w:cs="宋体" w:hint="eastAsia"/>
          <w:color w:val="333333"/>
          <w:kern w:val="0"/>
          <w:sz w:val="24"/>
          <w:szCs w:val="24"/>
        </w:rPr>
        <w:t xml:space="preserve">　　图2　看，系统还原选项出现了!</w:t>
      </w:r>
    </w:p>
    <w:sectPr w:rsidR="00031064" w:rsidRPr="00031064" w:rsidSect="008F7DAE">
      <w:pgSz w:w="11906" w:h="16838"/>
      <w:pgMar w:top="1440" w:right="1800" w:bottom="1440" w:left="1800" w:header="851" w:footer="992" w:gutter="0"/>
      <w:cols w:space="425"/>
      <w:docGrid w:type="lines" w:linePitch="312"/>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826D74" w:rsidRDefault="00826D74" w:rsidP="00031064">
      <w:r>
        <w:separator/>
      </w:r>
    </w:p>
  </w:endnote>
  <w:endnote w:type="continuationSeparator" w:id="0">
    <w:p w:rsidR="00826D74" w:rsidRDefault="00826D74" w:rsidP="00031064">
      <w:r>
        <w:continuationSeparator/>
      </w:r>
    </w:p>
  </w:endnote>
</w:endnotes>
</file>

<file path=word/fontTable.xml><?xml version="1.0" encoding="utf-8"?>
<w:fonts xmlns:r="http://schemas.openxmlformats.org/officeDocument/2006/relationships" xmlns:w="http://schemas.openxmlformats.org/wordprocessingml/2006/main">
  <w:font w:name="Calibri">
    <w:panose1 w:val="020F0502020204030204"/>
    <w:charset w:val="00"/>
    <w:family w:val="swiss"/>
    <w:pitch w:val="variable"/>
    <w:sig w:usb0="A00002EF" w:usb1="4000207B" w:usb2="00000000" w:usb3="00000000" w:csb0="0000009F" w:csb1="00000000"/>
  </w:font>
  <w:font w:name="宋体">
    <w:altName w:val="SimSun"/>
    <w:panose1 w:val="02010600030101010101"/>
    <w:charset w:val="86"/>
    <w:family w:val="auto"/>
    <w:pitch w:val="variable"/>
    <w:sig w:usb0="00000003" w:usb1="080E0000" w:usb2="00000010" w:usb3="00000000" w:csb0="00040001" w:csb1="00000000"/>
  </w:font>
  <w:font w:name="Times New Roman">
    <w:panose1 w:val="02020603050405020304"/>
    <w:charset w:val="00"/>
    <w:family w:val="roman"/>
    <w:pitch w:val="variable"/>
    <w:sig w:usb0="20002A87" w:usb1="80000000" w:usb2="00000008" w:usb3="00000000" w:csb0="000001FF" w:csb1="00000000"/>
  </w:font>
  <w:font w:name="微软雅黑">
    <w:panose1 w:val="020B0503020204020204"/>
    <w:charset w:val="86"/>
    <w:family w:val="swiss"/>
    <w:pitch w:val="variable"/>
    <w:sig w:usb0="80000287" w:usb1="2A0F3C52" w:usb2="00000016" w:usb3="00000000" w:csb0="0004001F" w:csb1="00000000"/>
  </w:font>
  <w:font w:name="Cambria">
    <w:panose1 w:val="02040503050406030204"/>
    <w:charset w:val="00"/>
    <w:family w:val="roman"/>
    <w:pitch w:val="variable"/>
    <w:sig w:usb0="A00002EF" w:usb1="4000004B" w:usb2="00000000" w:usb3="00000000" w:csb0="0000009F"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826D74" w:rsidRDefault="00826D74" w:rsidP="00031064">
      <w:r>
        <w:separator/>
      </w:r>
    </w:p>
  </w:footnote>
  <w:footnote w:type="continuationSeparator" w:id="0">
    <w:p w:rsidR="00826D74" w:rsidRDefault="00826D74" w:rsidP="00031064">
      <w:r>
        <w:continuationSeparator/>
      </w:r>
    </w:p>
  </w:footnote>
</w:footnotes>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3074"/>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031064"/>
    <w:rsid w:val="00000E52"/>
    <w:rsid w:val="00012FBE"/>
    <w:rsid w:val="00014CE3"/>
    <w:rsid w:val="00022016"/>
    <w:rsid w:val="00022730"/>
    <w:rsid w:val="00026C9F"/>
    <w:rsid w:val="00031064"/>
    <w:rsid w:val="00035550"/>
    <w:rsid w:val="000450AA"/>
    <w:rsid w:val="00055232"/>
    <w:rsid w:val="00055730"/>
    <w:rsid w:val="000619AE"/>
    <w:rsid w:val="000720DB"/>
    <w:rsid w:val="000734C1"/>
    <w:rsid w:val="000753C9"/>
    <w:rsid w:val="000954BB"/>
    <w:rsid w:val="00097502"/>
    <w:rsid w:val="000978CB"/>
    <w:rsid w:val="00097A69"/>
    <w:rsid w:val="000A3601"/>
    <w:rsid w:val="000B17D1"/>
    <w:rsid w:val="000B3FBC"/>
    <w:rsid w:val="000B4398"/>
    <w:rsid w:val="000B4714"/>
    <w:rsid w:val="000B4E4A"/>
    <w:rsid w:val="000B73F1"/>
    <w:rsid w:val="000C5841"/>
    <w:rsid w:val="000C728D"/>
    <w:rsid w:val="000D593A"/>
    <w:rsid w:val="000D77AD"/>
    <w:rsid w:val="000E0E3C"/>
    <w:rsid w:val="000E1B88"/>
    <w:rsid w:val="000E576A"/>
    <w:rsid w:val="000F2C0D"/>
    <w:rsid w:val="000F331D"/>
    <w:rsid w:val="000F3C9A"/>
    <w:rsid w:val="001045E3"/>
    <w:rsid w:val="0011032F"/>
    <w:rsid w:val="00110F3C"/>
    <w:rsid w:val="00113B41"/>
    <w:rsid w:val="00113F98"/>
    <w:rsid w:val="00116568"/>
    <w:rsid w:val="001218C6"/>
    <w:rsid w:val="00123FEC"/>
    <w:rsid w:val="00124094"/>
    <w:rsid w:val="00124A90"/>
    <w:rsid w:val="00126A65"/>
    <w:rsid w:val="00132E02"/>
    <w:rsid w:val="00135637"/>
    <w:rsid w:val="0014158C"/>
    <w:rsid w:val="00143B46"/>
    <w:rsid w:val="0014400B"/>
    <w:rsid w:val="001447D7"/>
    <w:rsid w:val="00144F8E"/>
    <w:rsid w:val="00144FFD"/>
    <w:rsid w:val="001467B7"/>
    <w:rsid w:val="00147A53"/>
    <w:rsid w:val="001506D5"/>
    <w:rsid w:val="001515ED"/>
    <w:rsid w:val="001520D0"/>
    <w:rsid w:val="00154638"/>
    <w:rsid w:val="00156693"/>
    <w:rsid w:val="001608C8"/>
    <w:rsid w:val="0016178E"/>
    <w:rsid w:val="00161961"/>
    <w:rsid w:val="00165A76"/>
    <w:rsid w:val="001716DE"/>
    <w:rsid w:val="00173C26"/>
    <w:rsid w:val="00173D21"/>
    <w:rsid w:val="00175F23"/>
    <w:rsid w:val="001831FB"/>
    <w:rsid w:val="00183E79"/>
    <w:rsid w:val="0018542D"/>
    <w:rsid w:val="00185A84"/>
    <w:rsid w:val="00187564"/>
    <w:rsid w:val="00191600"/>
    <w:rsid w:val="00191A90"/>
    <w:rsid w:val="0019312C"/>
    <w:rsid w:val="001938D1"/>
    <w:rsid w:val="00195248"/>
    <w:rsid w:val="001A08F7"/>
    <w:rsid w:val="001A3FCA"/>
    <w:rsid w:val="001A41C1"/>
    <w:rsid w:val="001A550F"/>
    <w:rsid w:val="001B0C1E"/>
    <w:rsid w:val="001B4FFE"/>
    <w:rsid w:val="001B5733"/>
    <w:rsid w:val="001B5A7B"/>
    <w:rsid w:val="001C02FB"/>
    <w:rsid w:val="001C27E6"/>
    <w:rsid w:val="001C33CD"/>
    <w:rsid w:val="001C36DA"/>
    <w:rsid w:val="001C6355"/>
    <w:rsid w:val="001D3027"/>
    <w:rsid w:val="001D45CC"/>
    <w:rsid w:val="001D48BE"/>
    <w:rsid w:val="001D552E"/>
    <w:rsid w:val="001E430D"/>
    <w:rsid w:val="001E46E7"/>
    <w:rsid w:val="001E6FA3"/>
    <w:rsid w:val="001E7992"/>
    <w:rsid w:val="001F07DC"/>
    <w:rsid w:val="001F353C"/>
    <w:rsid w:val="001F3BC6"/>
    <w:rsid w:val="001F61D7"/>
    <w:rsid w:val="0020340C"/>
    <w:rsid w:val="00210DCF"/>
    <w:rsid w:val="00213C3F"/>
    <w:rsid w:val="00214D21"/>
    <w:rsid w:val="0022140C"/>
    <w:rsid w:val="00221766"/>
    <w:rsid w:val="00221E7A"/>
    <w:rsid w:val="002223EF"/>
    <w:rsid w:val="002230AF"/>
    <w:rsid w:val="00226572"/>
    <w:rsid w:val="002334AB"/>
    <w:rsid w:val="00234115"/>
    <w:rsid w:val="00235695"/>
    <w:rsid w:val="002442A2"/>
    <w:rsid w:val="002512E9"/>
    <w:rsid w:val="0025690C"/>
    <w:rsid w:val="00256D12"/>
    <w:rsid w:val="0026004C"/>
    <w:rsid w:val="002603AA"/>
    <w:rsid w:val="002647FE"/>
    <w:rsid w:val="0026687C"/>
    <w:rsid w:val="00267917"/>
    <w:rsid w:val="00267A3F"/>
    <w:rsid w:val="002721C8"/>
    <w:rsid w:val="002737A1"/>
    <w:rsid w:val="0028108C"/>
    <w:rsid w:val="00284B1C"/>
    <w:rsid w:val="002A10F0"/>
    <w:rsid w:val="002A1303"/>
    <w:rsid w:val="002A32DA"/>
    <w:rsid w:val="002B3CDC"/>
    <w:rsid w:val="002B578C"/>
    <w:rsid w:val="002B6B71"/>
    <w:rsid w:val="002C17A1"/>
    <w:rsid w:val="002C57BE"/>
    <w:rsid w:val="002C7397"/>
    <w:rsid w:val="002D0EBB"/>
    <w:rsid w:val="002D2E24"/>
    <w:rsid w:val="002D3B51"/>
    <w:rsid w:val="002D3EC7"/>
    <w:rsid w:val="002D3FAA"/>
    <w:rsid w:val="002D5C49"/>
    <w:rsid w:val="002D73B5"/>
    <w:rsid w:val="002E3933"/>
    <w:rsid w:val="002F1723"/>
    <w:rsid w:val="002F1B1A"/>
    <w:rsid w:val="002F208F"/>
    <w:rsid w:val="002F5738"/>
    <w:rsid w:val="002F7771"/>
    <w:rsid w:val="00302305"/>
    <w:rsid w:val="0031077C"/>
    <w:rsid w:val="0031139E"/>
    <w:rsid w:val="003119D7"/>
    <w:rsid w:val="00311E73"/>
    <w:rsid w:val="00320AC2"/>
    <w:rsid w:val="00320EC7"/>
    <w:rsid w:val="00322587"/>
    <w:rsid w:val="00323B6F"/>
    <w:rsid w:val="003258BA"/>
    <w:rsid w:val="003344D8"/>
    <w:rsid w:val="00334C7F"/>
    <w:rsid w:val="00335DAF"/>
    <w:rsid w:val="0033770A"/>
    <w:rsid w:val="00341627"/>
    <w:rsid w:val="00343A58"/>
    <w:rsid w:val="00343C81"/>
    <w:rsid w:val="00352956"/>
    <w:rsid w:val="00352C87"/>
    <w:rsid w:val="003533FC"/>
    <w:rsid w:val="003535D0"/>
    <w:rsid w:val="00354422"/>
    <w:rsid w:val="003575A0"/>
    <w:rsid w:val="00362546"/>
    <w:rsid w:val="00363FF2"/>
    <w:rsid w:val="003640DB"/>
    <w:rsid w:val="00366631"/>
    <w:rsid w:val="00366A38"/>
    <w:rsid w:val="00366F49"/>
    <w:rsid w:val="00373DF6"/>
    <w:rsid w:val="00374310"/>
    <w:rsid w:val="00375DC6"/>
    <w:rsid w:val="00385BAE"/>
    <w:rsid w:val="00385F79"/>
    <w:rsid w:val="003A4BEE"/>
    <w:rsid w:val="003B21CE"/>
    <w:rsid w:val="003B368C"/>
    <w:rsid w:val="003B49A1"/>
    <w:rsid w:val="003C5A1F"/>
    <w:rsid w:val="003C5FE8"/>
    <w:rsid w:val="003C6BAE"/>
    <w:rsid w:val="003D2405"/>
    <w:rsid w:val="003D247A"/>
    <w:rsid w:val="003D578E"/>
    <w:rsid w:val="003E297F"/>
    <w:rsid w:val="003E5260"/>
    <w:rsid w:val="003F0954"/>
    <w:rsid w:val="003F1382"/>
    <w:rsid w:val="003F1C81"/>
    <w:rsid w:val="003F1E7E"/>
    <w:rsid w:val="003F5938"/>
    <w:rsid w:val="003F6487"/>
    <w:rsid w:val="00401DCD"/>
    <w:rsid w:val="00403C89"/>
    <w:rsid w:val="0040607D"/>
    <w:rsid w:val="0040705A"/>
    <w:rsid w:val="004143C3"/>
    <w:rsid w:val="00415891"/>
    <w:rsid w:val="00420A54"/>
    <w:rsid w:val="004214B5"/>
    <w:rsid w:val="004347F3"/>
    <w:rsid w:val="004372D9"/>
    <w:rsid w:val="00443EA4"/>
    <w:rsid w:val="004502CB"/>
    <w:rsid w:val="0045043B"/>
    <w:rsid w:val="004533DD"/>
    <w:rsid w:val="00453E00"/>
    <w:rsid w:val="004540F2"/>
    <w:rsid w:val="00460E6C"/>
    <w:rsid w:val="00461F25"/>
    <w:rsid w:val="00463465"/>
    <w:rsid w:val="00473F3D"/>
    <w:rsid w:val="00475BF0"/>
    <w:rsid w:val="004765BC"/>
    <w:rsid w:val="00480296"/>
    <w:rsid w:val="00482DE7"/>
    <w:rsid w:val="00486CC4"/>
    <w:rsid w:val="0049426D"/>
    <w:rsid w:val="004A0DAF"/>
    <w:rsid w:val="004A21E5"/>
    <w:rsid w:val="004A2CB4"/>
    <w:rsid w:val="004B134A"/>
    <w:rsid w:val="004C071C"/>
    <w:rsid w:val="004C1AAD"/>
    <w:rsid w:val="004C44B0"/>
    <w:rsid w:val="004C76EF"/>
    <w:rsid w:val="004D0BD4"/>
    <w:rsid w:val="004D3709"/>
    <w:rsid w:val="004D7743"/>
    <w:rsid w:val="004E0D8B"/>
    <w:rsid w:val="004E66EE"/>
    <w:rsid w:val="004E7E5C"/>
    <w:rsid w:val="004F1DE6"/>
    <w:rsid w:val="004F286E"/>
    <w:rsid w:val="004F2EF6"/>
    <w:rsid w:val="004F6FC0"/>
    <w:rsid w:val="0050090F"/>
    <w:rsid w:val="00502045"/>
    <w:rsid w:val="00503370"/>
    <w:rsid w:val="005034F7"/>
    <w:rsid w:val="00503517"/>
    <w:rsid w:val="0050464F"/>
    <w:rsid w:val="00505CCC"/>
    <w:rsid w:val="00506A28"/>
    <w:rsid w:val="00510291"/>
    <w:rsid w:val="00510BC5"/>
    <w:rsid w:val="00512341"/>
    <w:rsid w:val="005129BD"/>
    <w:rsid w:val="00515B18"/>
    <w:rsid w:val="00521C57"/>
    <w:rsid w:val="00524651"/>
    <w:rsid w:val="00527DAC"/>
    <w:rsid w:val="00532A25"/>
    <w:rsid w:val="00536A2B"/>
    <w:rsid w:val="005427E2"/>
    <w:rsid w:val="00543567"/>
    <w:rsid w:val="00544F34"/>
    <w:rsid w:val="005451A6"/>
    <w:rsid w:val="00550EE8"/>
    <w:rsid w:val="00553F32"/>
    <w:rsid w:val="00555EF7"/>
    <w:rsid w:val="00556AB6"/>
    <w:rsid w:val="00556B8E"/>
    <w:rsid w:val="005571C1"/>
    <w:rsid w:val="00562F8C"/>
    <w:rsid w:val="00566285"/>
    <w:rsid w:val="00566DC5"/>
    <w:rsid w:val="0057095D"/>
    <w:rsid w:val="00573883"/>
    <w:rsid w:val="0057523D"/>
    <w:rsid w:val="00577E71"/>
    <w:rsid w:val="00585D41"/>
    <w:rsid w:val="00591AB0"/>
    <w:rsid w:val="005950BA"/>
    <w:rsid w:val="005A17BC"/>
    <w:rsid w:val="005A267A"/>
    <w:rsid w:val="005B1EC6"/>
    <w:rsid w:val="005B5DF5"/>
    <w:rsid w:val="005C54DF"/>
    <w:rsid w:val="005C6ABD"/>
    <w:rsid w:val="005C7905"/>
    <w:rsid w:val="005D0B6A"/>
    <w:rsid w:val="005D0B73"/>
    <w:rsid w:val="005D19C3"/>
    <w:rsid w:val="005D268F"/>
    <w:rsid w:val="005D2B2E"/>
    <w:rsid w:val="005D5D61"/>
    <w:rsid w:val="005D6644"/>
    <w:rsid w:val="005E2FDB"/>
    <w:rsid w:val="005E744C"/>
    <w:rsid w:val="005F219D"/>
    <w:rsid w:val="005F48F8"/>
    <w:rsid w:val="00600A5E"/>
    <w:rsid w:val="0061118A"/>
    <w:rsid w:val="006117A3"/>
    <w:rsid w:val="00612BAE"/>
    <w:rsid w:val="00615469"/>
    <w:rsid w:val="0061677C"/>
    <w:rsid w:val="00620B04"/>
    <w:rsid w:val="006354CD"/>
    <w:rsid w:val="00641D06"/>
    <w:rsid w:val="00644199"/>
    <w:rsid w:val="0064601E"/>
    <w:rsid w:val="006543F4"/>
    <w:rsid w:val="00656686"/>
    <w:rsid w:val="00661895"/>
    <w:rsid w:val="00661C45"/>
    <w:rsid w:val="0066250C"/>
    <w:rsid w:val="0066583B"/>
    <w:rsid w:val="0067050B"/>
    <w:rsid w:val="0067136D"/>
    <w:rsid w:val="00671E2C"/>
    <w:rsid w:val="006730C3"/>
    <w:rsid w:val="0067355C"/>
    <w:rsid w:val="00677982"/>
    <w:rsid w:val="00684F09"/>
    <w:rsid w:val="00691FF8"/>
    <w:rsid w:val="00692B54"/>
    <w:rsid w:val="00693C9F"/>
    <w:rsid w:val="00695A4C"/>
    <w:rsid w:val="00696A95"/>
    <w:rsid w:val="00696F84"/>
    <w:rsid w:val="006A0C7F"/>
    <w:rsid w:val="006A60A2"/>
    <w:rsid w:val="006B1E79"/>
    <w:rsid w:val="006B23C7"/>
    <w:rsid w:val="006B4F77"/>
    <w:rsid w:val="006B4FE0"/>
    <w:rsid w:val="006C4283"/>
    <w:rsid w:val="006C57B5"/>
    <w:rsid w:val="006C78EE"/>
    <w:rsid w:val="006D7B88"/>
    <w:rsid w:val="006D7C5D"/>
    <w:rsid w:val="006E0250"/>
    <w:rsid w:val="006E407C"/>
    <w:rsid w:val="006E466C"/>
    <w:rsid w:val="006F22AF"/>
    <w:rsid w:val="006F5232"/>
    <w:rsid w:val="00702A4B"/>
    <w:rsid w:val="00703F24"/>
    <w:rsid w:val="00705DFD"/>
    <w:rsid w:val="007079AF"/>
    <w:rsid w:val="007101ED"/>
    <w:rsid w:val="00710985"/>
    <w:rsid w:val="007158C9"/>
    <w:rsid w:val="007160D4"/>
    <w:rsid w:val="0071643F"/>
    <w:rsid w:val="00716666"/>
    <w:rsid w:val="007172A3"/>
    <w:rsid w:val="007221BA"/>
    <w:rsid w:val="007222FC"/>
    <w:rsid w:val="00722A84"/>
    <w:rsid w:val="00722EDF"/>
    <w:rsid w:val="0072346C"/>
    <w:rsid w:val="007258C3"/>
    <w:rsid w:val="00727FC0"/>
    <w:rsid w:val="007310B6"/>
    <w:rsid w:val="00731116"/>
    <w:rsid w:val="007320BD"/>
    <w:rsid w:val="00735854"/>
    <w:rsid w:val="0073754C"/>
    <w:rsid w:val="00737DEE"/>
    <w:rsid w:val="00757DE9"/>
    <w:rsid w:val="00760B0D"/>
    <w:rsid w:val="00764D30"/>
    <w:rsid w:val="00770A2D"/>
    <w:rsid w:val="00772F24"/>
    <w:rsid w:val="00774B88"/>
    <w:rsid w:val="00783D84"/>
    <w:rsid w:val="00786251"/>
    <w:rsid w:val="007A1608"/>
    <w:rsid w:val="007A4644"/>
    <w:rsid w:val="007A6A20"/>
    <w:rsid w:val="007A7873"/>
    <w:rsid w:val="007B1EDD"/>
    <w:rsid w:val="007B55FB"/>
    <w:rsid w:val="007B6EBA"/>
    <w:rsid w:val="007C1F83"/>
    <w:rsid w:val="007C238A"/>
    <w:rsid w:val="007C55FF"/>
    <w:rsid w:val="007C6C66"/>
    <w:rsid w:val="007D1B95"/>
    <w:rsid w:val="007D5019"/>
    <w:rsid w:val="007D691F"/>
    <w:rsid w:val="007E31CE"/>
    <w:rsid w:val="007E6CD8"/>
    <w:rsid w:val="007F2444"/>
    <w:rsid w:val="007F40D3"/>
    <w:rsid w:val="007F7938"/>
    <w:rsid w:val="0080010D"/>
    <w:rsid w:val="0080132F"/>
    <w:rsid w:val="00803F91"/>
    <w:rsid w:val="00813460"/>
    <w:rsid w:val="00814C69"/>
    <w:rsid w:val="0081503E"/>
    <w:rsid w:val="00815438"/>
    <w:rsid w:val="00815E48"/>
    <w:rsid w:val="00816404"/>
    <w:rsid w:val="00822BB4"/>
    <w:rsid w:val="00824E3A"/>
    <w:rsid w:val="00825214"/>
    <w:rsid w:val="00826D74"/>
    <w:rsid w:val="0082752A"/>
    <w:rsid w:val="00831AD6"/>
    <w:rsid w:val="00834A12"/>
    <w:rsid w:val="00837E75"/>
    <w:rsid w:val="00841E02"/>
    <w:rsid w:val="008428DE"/>
    <w:rsid w:val="00844EA2"/>
    <w:rsid w:val="008537E0"/>
    <w:rsid w:val="00856352"/>
    <w:rsid w:val="008629B6"/>
    <w:rsid w:val="00863443"/>
    <w:rsid w:val="00863637"/>
    <w:rsid w:val="0086669F"/>
    <w:rsid w:val="00866E67"/>
    <w:rsid w:val="0087375F"/>
    <w:rsid w:val="008750EC"/>
    <w:rsid w:val="0087531A"/>
    <w:rsid w:val="008775B0"/>
    <w:rsid w:val="008836CB"/>
    <w:rsid w:val="0088402B"/>
    <w:rsid w:val="00884D2A"/>
    <w:rsid w:val="00890A1C"/>
    <w:rsid w:val="00894AF4"/>
    <w:rsid w:val="008961AA"/>
    <w:rsid w:val="008962DA"/>
    <w:rsid w:val="008A0865"/>
    <w:rsid w:val="008A0CA2"/>
    <w:rsid w:val="008A40F9"/>
    <w:rsid w:val="008A52C3"/>
    <w:rsid w:val="008A759D"/>
    <w:rsid w:val="008B321B"/>
    <w:rsid w:val="008B49EC"/>
    <w:rsid w:val="008B4D55"/>
    <w:rsid w:val="008C1770"/>
    <w:rsid w:val="008C42FA"/>
    <w:rsid w:val="008D3657"/>
    <w:rsid w:val="008D3CAB"/>
    <w:rsid w:val="008E149D"/>
    <w:rsid w:val="008E1D28"/>
    <w:rsid w:val="008E469B"/>
    <w:rsid w:val="008E4D93"/>
    <w:rsid w:val="008F0F3D"/>
    <w:rsid w:val="008F2B83"/>
    <w:rsid w:val="008F2E14"/>
    <w:rsid w:val="008F70D4"/>
    <w:rsid w:val="008F7DAE"/>
    <w:rsid w:val="008F7E00"/>
    <w:rsid w:val="008F7F20"/>
    <w:rsid w:val="00900111"/>
    <w:rsid w:val="00900FF8"/>
    <w:rsid w:val="00905B84"/>
    <w:rsid w:val="0090689C"/>
    <w:rsid w:val="0091033D"/>
    <w:rsid w:val="00910C54"/>
    <w:rsid w:val="00915138"/>
    <w:rsid w:val="00915953"/>
    <w:rsid w:val="009160E1"/>
    <w:rsid w:val="00924100"/>
    <w:rsid w:val="0092492A"/>
    <w:rsid w:val="0092734A"/>
    <w:rsid w:val="00932702"/>
    <w:rsid w:val="00940A1D"/>
    <w:rsid w:val="00941A6B"/>
    <w:rsid w:val="00944142"/>
    <w:rsid w:val="00945F01"/>
    <w:rsid w:val="00946395"/>
    <w:rsid w:val="00946D7C"/>
    <w:rsid w:val="009503E3"/>
    <w:rsid w:val="00951D04"/>
    <w:rsid w:val="00951DC0"/>
    <w:rsid w:val="00953479"/>
    <w:rsid w:val="00957D8E"/>
    <w:rsid w:val="00961AD8"/>
    <w:rsid w:val="009644C2"/>
    <w:rsid w:val="00966354"/>
    <w:rsid w:val="00977668"/>
    <w:rsid w:val="00981528"/>
    <w:rsid w:val="00985F1C"/>
    <w:rsid w:val="009938EC"/>
    <w:rsid w:val="00993FB2"/>
    <w:rsid w:val="009A0D4F"/>
    <w:rsid w:val="009A24AA"/>
    <w:rsid w:val="009A2E39"/>
    <w:rsid w:val="009A3C86"/>
    <w:rsid w:val="009A635D"/>
    <w:rsid w:val="009B2BB4"/>
    <w:rsid w:val="009B3BD8"/>
    <w:rsid w:val="009C07B5"/>
    <w:rsid w:val="009C0937"/>
    <w:rsid w:val="009C257C"/>
    <w:rsid w:val="009C56DF"/>
    <w:rsid w:val="009C69F5"/>
    <w:rsid w:val="009C741B"/>
    <w:rsid w:val="009D0C2B"/>
    <w:rsid w:val="009D2603"/>
    <w:rsid w:val="009D261B"/>
    <w:rsid w:val="009D5C86"/>
    <w:rsid w:val="009D6FAE"/>
    <w:rsid w:val="009D7DBD"/>
    <w:rsid w:val="009E1B73"/>
    <w:rsid w:val="009F0555"/>
    <w:rsid w:val="009F30C9"/>
    <w:rsid w:val="009F408A"/>
    <w:rsid w:val="00A02D5A"/>
    <w:rsid w:val="00A07740"/>
    <w:rsid w:val="00A07BE7"/>
    <w:rsid w:val="00A1129B"/>
    <w:rsid w:val="00A12CD5"/>
    <w:rsid w:val="00A13934"/>
    <w:rsid w:val="00A20EC4"/>
    <w:rsid w:val="00A222CA"/>
    <w:rsid w:val="00A2597C"/>
    <w:rsid w:val="00A275B9"/>
    <w:rsid w:val="00A51FD4"/>
    <w:rsid w:val="00A530A3"/>
    <w:rsid w:val="00A607A3"/>
    <w:rsid w:val="00A618C1"/>
    <w:rsid w:val="00A663DE"/>
    <w:rsid w:val="00A675DA"/>
    <w:rsid w:val="00A71668"/>
    <w:rsid w:val="00A72F87"/>
    <w:rsid w:val="00A77384"/>
    <w:rsid w:val="00A7753A"/>
    <w:rsid w:val="00A80E8C"/>
    <w:rsid w:val="00A858F5"/>
    <w:rsid w:val="00A9012E"/>
    <w:rsid w:val="00A92928"/>
    <w:rsid w:val="00A9296A"/>
    <w:rsid w:val="00A9550A"/>
    <w:rsid w:val="00A95AC1"/>
    <w:rsid w:val="00A96502"/>
    <w:rsid w:val="00A96B39"/>
    <w:rsid w:val="00AA138A"/>
    <w:rsid w:val="00AA717C"/>
    <w:rsid w:val="00AB029F"/>
    <w:rsid w:val="00AB2C1E"/>
    <w:rsid w:val="00AB5D23"/>
    <w:rsid w:val="00AC084E"/>
    <w:rsid w:val="00AC10AB"/>
    <w:rsid w:val="00AC2019"/>
    <w:rsid w:val="00AC7D5D"/>
    <w:rsid w:val="00AD16D1"/>
    <w:rsid w:val="00AD1DC9"/>
    <w:rsid w:val="00AD1E2D"/>
    <w:rsid w:val="00AD4507"/>
    <w:rsid w:val="00AE0E41"/>
    <w:rsid w:val="00AF0B50"/>
    <w:rsid w:val="00AF13F3"/>
    <w:rsid w:val="00AF5161"/>
    <w:rsid w:val="00B00F75"/>
    <w:rsid w:val="00B016B7"/>
    <w:rsid w:val="00B02D7C"/>
    <w:rsid w:val="00B049CC"/>
    <w:rsid w:val="00B06D93"/>
    <w:rsid w:val="00B07AC2"/>
    <w:rsid w:val="00B13596"/>
    <w:rsid w:val="00B1625F"/>
    <w:rsid w:val="00B2746F"/>
    <w:rsid w:val="00B30D82"/>
    <w:rsid w:val="00B32623"/>
    <w:rsid w:val="00B355DB"/>
    <w:rsid w:val="00B35B95"/>
    <w:rsid w:val="00B36D8E"/>
    <w:rsid w:val="00B44ADD"/>
    <w:rsid w:val="00B471A5"/>
    <w:rsid w:val="00B47761"/>
    <w:rsid w:val="00B52176"/>
    <w:rsid w:val="00B57B79"/>
    <w:rsid w:val="00B610B7"/>
    <w:rsid w:val="00B65E57"/>
    <w:rsid w:val="00B71210"/>
    <w:rsid w:val="00B7418B"/>
    <w:rsid w:val="00B75363"/>
    <w:rsid w:val="00B7615E"/>
    <w:rsid w:val="00B80C6C"/>
    <w:rsid w:val="00B82EAB"/>
    <w:rsid w:val="00B9142C"/>
    <w:rsid w:val="00B944B3"/>
    <w:rsid w:val="00B948FA"/>
    <w:rsid w:val="00BA091E"/>
    <w:rsid w:val="00BB5133"/>
    <w:rsid w:val="00BB5A66"/>
    <w:rsid w:val="00BB775A"/>
    <w:rsid w:val="00BB7C57"/>
    <w:rsid w:val="00BC0AF9"/>
    <w:rsid w:val="00BC190C"/>
    <w:rsid w:val="00BC5526"/>
    <w:rsid w:val="00BC7A98"/>
    <w:rsid w:val="00BD6CDB"/>
    <w:rsid w:val="00BE21A0"/>
    <w:rsid w:val="00BE7BEE"/>
    <w:rsid w:val="00BF3D60"/>
    <w:rsid w:val="00BF76E7"/>
    <w:rsid w:val="00C0241A"/>
    <w:rsid w:val="00C02FEC"/>
    <w:rsid w:val="00C039E2"/>
    <w:rsid w:val="00C05D05"/>
    <w:rsid w:val="00C15EDC"/>
    <w:rsid w:val="00C2014D"/>
    <w:rsid w:val="00C22742"/>
    <w:rsid w:val="00C22A48"/>
    <w:rsid w:val="00C24D77"/>
    <w:rsid w:val="00C32934"/>
    <w:rsid w:val="00C3412C"/>
    <w:rsid w:val="00C34C7E"/>
    <w:rsid w:val="00C37BE1"/>
    <w:rsid w:val="00C4066E"/>
    <w:rsid w:val="00C473D8"/>
    <w:rsid w:val="00C54458"/>
    <w:rsid w:val="00C55330"/>
    <w:rsid w:val="00C56DC1"/>
    <w:rsid w:val="00C6219C"/>
    <w:rsid w:val="00C65D5D"/>
    <w:rsid w:val="00C67F41"/>
    <w:rsid w:val="00C70BCB"/>
    <w:rsid w:val="00C7130A"/>
    <w:rsid w:val="00C85742"/>
    <w:rsid w:val="00C872E5"/>
    <w:rsid w:val="00C926AB"/>
    <w:rsid w:val="00C96140"/>
    <w:rsid w:val="00CA1B7E"/>
    <w:rsid w:val="00CA3477"/>
    <w:rsid w:val="00CA5DE3"/>
    <w:rsid w:val="00CB1C01"/>
    <w:rsid w:val="00CB4DE3"/>
    <w:rsid w:val="00CB675E"/>
    <w:rsid w:val="00CC09D8"/>
    <w:rsid w:val="00CC68BF"/>
    <w:rsid w:val="00CD6509"/>
    <w:rsid w:val="00CD6588"/>
    <w:rsid w:val="00CE2AE0"/>
    <w:rsid w:val="00CE2F71"/>
    <w:rsid w:val="00CE37E8"/>
    <w:rsid w:val="00CE5AD6"/>
    <w:rsid w:val="00CF0C89"/>
    <w:rsid w:val="00CF2836"/>
    <w:rsid w:val="00CF796F"/>
    <w:rsid w:val="00D01857"/>
    <w:rsid w:val="00D032A4"/>
    <w:rsid w:val="00D0394C"/>
    <w:rsid w:val="00D075E5"/>
    <w:rsid w:val="00D1138A"/>
    <w:rsid w:val="00D12503"/>
    <w:rsid w:val="00D133C0"/>
    <w:rsid w:val="00D16CE3"/>
    <w:rsid w:val="00D17481"/>
    <w:rsid w:val="00D216ED"/>
    <w:rsid w:val="00D22694"/>
    <w:rsid w:val="00D30E1D"/>
    <w:rsid w:val="00D32CED"/>
    <w:rsid w:val="00D359E2"/>
    <w:rsid w:val="00D364B9"/>
    <w:rsid w:val="00D36E73"/>
    <w:rsid w:val="00D37303"/>
    <w:rsid w:val="00D42C33"/>
    <w:rsid w:val="00D44CEB"/>
    <w:rsid w:val="00D52D27"/>
    <w:rsid w:val="00D63620"/>
    <w:rsid w:val="00D65260"/>
    <w:rsid w:val="00D65B6A"/>
    <w:rsid w:val="00D67EC9"/>
    <w:rsid w:val="00D83327"/>
    <w:rsid w:val="00D84CD0"/>
    <w:rsid w:val="00D869BB"/>
    <w:rsid w:val="00D918A1"/>
    <w:rsid w:val="00D94A6E"/>
    <w:rsid w:val="00DB1A00"/>
    <w:rsid w:val="00DB2AA9"/>
    <w:rsid w:val="00DB4F53"/>
    <w:rsid w:val="00DB5E8F"/>
    <w:rsid w:val="00DC1343"/>
    <w:rsid w:val="00DC20BA"/>
    <w:rsid w:val="00DC526C"/>
    <w:rsid w:val="00DC5857"/>
    <w:rsid w:val="00DC5920"/>
    <w:rsid w:val="00DC6514"/>
    <w:rsid w:val="00DC6751"/>
    <w:rsid w:val="00DD0D23"/>
    <w:rsid w:val="00DD563B"/>
    <w:rsid w:val="00DE07D7"/>
    <w:rsid w:val="00DE6511"/>
    <w:rsid w:val="00DF0B61"/>
    <w:rsid w:val="00DF3DF4"/>
    <w:rsid w:val="00DF433F"/>
    <w:rsid w:val="00DF4914"/>
    <w:rsid w:val="00E06C01"/>
    <w:rsid w:val="00E14257"/>
    <w:rsid w:val="00E16EAE"/>
    <w:rsid w:val="00E176C8"/>
    <w:rsid w:val="00E17CBE"/>
    <w:rsid w:val="00E23BA5"/>
    <w:rsid w:val="00E24A8F"/>
    <w:rsid w:val="00E24E30"/>
    <w:rsid w:val="00E3545D"/>
    <w:rsid w:val="00E35E61"/>
    <w:rsid w:val="00E36A04"/>
    <w:rsid w:val="00E41965"/>
    <w:rsid w:val="00E41B66"/>
    <w:rsid w:val="00E44CBC"/>
    <w:rsid w:val="00E500C9"/>
    <w:rsid w:val="00E52BEC"/>
    <w:rsid w:val="00E53ECC"/>
    <w:rsid w:val="00E56A61"/>
    <w:rsid w:val="00E73C73"/>
    <w:rsid w:val="00E74141"/>
    <w:rsid w:val="00E76DFA"/>
    <w:rsid w:val="00E83336"/>
    <w:rsid w:val="00E8462D"/>
    <w:rsid w:val="00E8463A"/>
    <w:rsid w:val="00E8559D"/>
    <w:rsid w:val="00E929AD"/>
    <w:rsid w:val="00E942F4"/>
    <w:rsid w:val="00E953DF"/>
    <w:rsid w:val="00E9604D"/>
    <w:rsid w:val="00E9623B"/>
    <w:rsid w:val="00EA3704"/>
    <w:rsid w:val="00EB0272"/>
    <w:rsid w:val="00EB0473"/>
    <w:rsid w:val="00EB417E"/>
    <w:rsid w:val="00EB57D8"/>
    <w:rsid w:val="00EC227C"/>
    <w:rsid w:val="00EC670A"/>
    <w:rsid w:val="00ED4C66"/>
    <w:rsid w:val="00ED4EC9"/>
    <w:rsid w:val="00EF0191"/>
    <w:rsid w:val="00EF36E1"/>
    <w:rsid w:val="00EF6FB4"/>
    <w:rsid w:val="00F001C9"/>
    <w:rsid w:val="00F03E0C"/>
    <w:rsid w:val="00F10777"/>
    <w:rsid w:val="00F12D8F"/>
    <w:rsid w:val="00F2026C"/>
    <w:rsid w:val="00F20A14"/>
    <w:rsid w:val="00F22D9D"/>
    <w:rsid w:val="00F23A5F"/>
    <w:rsid w:val="00F24AEC"/>
    <w:rsid w:val="00F32F7B"/>
    <w:rsid w:val="00F34F0A"/>
    <w:rsid w:val="00F371BF"/>
    <w:rsid w:val="00F44524"/>
    <w:rsid w:val="00F50DCE"/>
    <w:rsid w:val="00F51E72"/>
    <w:rsid w:val="00F57EB6"/>
    <w:rsid w:val="00F60078"/>
    <w:rsid w:val="00F60E0C"/>
    <w:rsid w:val="00F62C67"/>
    <w:rsid w:val="00F6577D"/>
    <w:rsid w:val="00F71567"/>
    <w:rsid w:val="00F720AE"/>
    <w:rsid w:val="00F722C4"/>
    <w:rsid w:val="00F75E0A"/>
    <w:rsid w:val="00F77B1C"/>
    <w:rsid w:val="00F80B14"/>
    <w:rsid w:val="00F90ACA"/>
    <w:rsid w:val="00F9229C"/>
    <w:rsid w:val="00F943FB"/>
    <w:rsid w:val="00FA2155"/>
    <w:rsid w:val="00FA7C21"/>
    <w:rsid w:val="00FB0A12"/>
    <w:rsid w:val="00FB50AA"/>
    <w:rsid w:val="00FB65AD"/>
    <w:rsid w:val="00FB742E"/>
    <w:rsid w:val="00FC56C9"/>
    <w:rsid w:val="00FD2753"/>
    <w:rsid w:val="00FD3F13"/>
    <w:rsid w:val="00FD515C"/>
    <w:rsid w:val="00FD6A7D"/>
    <w:rsid w:val="00FD7FDF"/>
    <w:rsid w:val="00FE3BB8"/>
    <w:rsid w:val="00FE56AE"/>
    <w:rsid w:val="00FF273A"/>
    <w:rsid w:val="00FF3334"/>
    <w:rsid w:val="00FF57E4"/>
    <w:rsid w:val="00FF6935"/>
    <w:rsid w:val="00FF733A"/>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3074"/>
    <o:shapelayout v:ext="edit">
      <o:idmap v:ext="edit" data="2"/>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8F7DAE"/>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qFormat/>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Char"/>
    <w:uiPriority w:val="99"/>
    <w:semiHidden/>
    <w:unhideWhenUsed/>
    <w:rsid w:val="00031064"/>
    <w:pPr>
      <w:pBdr>
        <w:bottom w:val="single" w:sz="6" w:space="1" w:color="auto"/>
      </w:pBdr>
      <w:tabs>
        <w:tab w:val="center" w:pos="4153"/>
        <w:tab w:val="right" w:pos="8306"/>
      </w:tabs>
      <w:snapToGrid w:val="0"/>
      <w:jc w:val="center"/>
    </w:pPr>
    <w:rPr>
      <w:sz w:val="18"/>
      <w:szCs w:val="18"/>
    </w:rPr>
  </w:style>
  <w:style w:type="character" w:customStyle="1" w:styleId="Char">
    <w:name w:val="页眉 Char"/>
    <w:basedOn w:val="a0"/>
    <w:link w:val="a3"/>
    <w:uiPriority w:val="99"/>
    <w:semiHidden/>
    <w:rsid w:val="00031064"/>
    <w:rPr>
      <w:sz w:val="18"/>
      <w:szCs w:val="18"/>
    </w:rPr>
  </w:style>
  <w:style w:type="paragraph" w:styleId="a4">
    <w:name w:val="footer"/>
    <w:basedOn w:val="a"/>
    <w:link w:val="Char0"/>
    <w:uiPriority w:val="99"/>
    <w:semiHidden/>
    <w:unhideWhenUsed/>
    <w:rsid w:val="00031064"/>
    <w:pPr>
      <w:tabs>
        <w:tab w:val="center" w:pos="4153"/>
        <w:tab w:val="right" w:pos="8306"/>
      </w:tabs>
      <w:snapToGrid w:val="0"/>
      <w:jc w:val="left"/>
    </w:pPr>
    <w:rPr>
      <w:sz w:val="18"/>
      <w:szCs w:val="18"/>
    </w:rPr>
  </w:style>
  <w:style w:type="character" w:customStyle="1" w:styleId="Char0">
    <w:name w:val="页脚 Char"/>
    <w:basedOn w:val="a0"/>
    <w:link w:val="a4"/>
    <w:uiPriority w:val="99"/>
    <w:semiHidden/>
    <w:rsid w:val="00031064"/>
    <w:rPr>
      <w:sz w:val="18"/>
      <w:szCs w:val="18"/>
    </w:rPr>
  </w:style>
  <w:style w:type="paragraph" w:styleId="a5">
    <w:name w:val="Balloon Text"/>
    <w:basedOn w:val="a"/>
    <w:link w:val="Char1"/>
    <w:uiPriority w:val="99"/>
    <w:semiHidden/>
    <w:unhideWhenUsed/>
    <w:rsid w:val="00031064"/>
    <w:rPr>
      <w:sz w:val="18"/>
      <w:szCs w:val="18"/>
    </w:rPr>
  </w:style>
  <w:style w:type="character" w:customStyle="1" w:styleId="Char1">
    <w:name w:val="批注框文本 Char"/>
    <w:basedOn w:val="a0"/>
    <w:link w:val="a5"/>
    <w:uiPriority w:val="99"/>
    <w:semiHidden/>
    <w:rsid w:val="00031064"/>
    <w:rPr>
      <w:sz w:val="18"/>
      <w:szCs w:val="18"/>
    </w:rPr>
  </w:style>
</w:styles>
</file>

<file path=word/webSettings.xml><?xml version="1.0" encoding="utf-8"?>
<w:webSettings xmlns:r="http://schemas.openxmlformats.org/officeDocument/2006/relationships" xmlns:w="http://schemas.openxmlformats.org/wordprocessingml/2006/main">
  <w:divs>
    <w:div w:id="229656950">
      <w:bodyDiv w:val="1"/>
      <w:marLeft w:val="0"/>
      <w:marRight w:val="0"/>
      <w:marTop w:val="0"/>
      <w:marBottom w:val="0"/>
      <w:divBdr>
        <w:top w:val="none" w:sz="0" w:space="0" w:color="auto"/>
        <w:left w:val="none" w:sz="0" w:space="0" w:color="auto"/>
        <w:bottom w:val="none" w:sz="0" w:space="0" w:color="auto"/>
        <w:right w:val="none" w:sz="0" w:space="0" w:color="auto"/>
      </w:divBdr>
      <w:divsChild>
        <w:div w:id="2027897761">
          <w:marLeft w:val="0"/>
          <w:marRight w:val="0"/>
          <w:marTop w:val="300"/>
          <w:marBottom w:val="0"/>
          <w:divBdr>
            <w:top w:val="none" w:sz="0" w:space="0" w:color="auto"/>
            <w:left w:val="none" w:sz="0" w:space="0" w:color="auto"/>
            <w:bottom w:val="none" w:sz="0" w:space="0" w:color="auto"/>
            <w:right w:val="none" w:sz="0" w:space="0" w:color="auto"/>
          </w:divBdr>
          <w:divsChild>
            <w:div w:id="1959876991">
              <w:marLeft w:val="0"/>
              <w:marRight w:val="0"/>
              <w:marTop w:val="0"/>
              <w:marBottom w:val="0"/>
              <w:divBdr>
                <w:top w:val="none" w:sz="0" w:space="0" w:color="auto"/>
                <w:left w:val="none" w:sz="0" w:space="0" w:color="auto"/>
                <w:bottom w:val="none" w:sz="0" w:space="0" w:color="auto"/>
                <w:right w:val="none" w:sz="0" w:space="0" w:color="auto"/>
              </w:divBdr>
              <w:divsChild>
                <w:div w:id="1000042317">
                  <w:marLeft w:val="0"/>
                  <w:marRight w:val="0"/>
                  <w:marTop w:val="0"/>
                  <w:marBottom w:val="0"/>
                  <w:divBdr>
                    <w:top w:val="none" w:sz="0" w:space="0" w:color="auto"/>
                    <w:left w:val="none" w:sz="0" w:space="0" w:color="auto"/>
                    <w:bottom w:val="none" w:sz="0" w:space="0" w:color="auto"/>
                    <w:right w:val="none" w:sz="0" w:space="0" w:color="auto"/>
                  </w:divBdr>
                  <w:divsChild>
                    <w:div w:id="1379814200">
                      <w:marLeft w:val="0"/>
                      <w:marRight w:val="0"/>
                      <w:marTop w:val="0"/>
                      <w:marBottom w:val="0"/>
                      <w:divBdr>
                        <w:top w:val="none" w:sz="0" w:space="0" w:color="auto"/>
                        <w:left w:val="none" w:sz="0" w:space="0" w:color="auto"/>
                        <w:bottom w:val="none" w:sz="0" w:space="0" w:color="auto"/>
                        <w:right w:val="none" w:sz="0" w:space="0" w:color="auto"/>
                      </w:divBdr>
                      <w:divsChild>
                        <w:div w:id="16807375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475877770">
      <w:bodyDiv w:val="1"/>
      <w:marLeft w:val="0"/>
      <w:marRight w:val="0"/>
      <w:marTop w:val="0"/>
      <w:marBottom w:val="0"/>
      <w:divBdr>
        <w:top w:val="none" w:sz="0" w:space="0" w:color="auto"/>
        <w:left w:val="none" w:sz="0" w:space="0" w:color="auto"/>
        <w:bottom w:val="none" w:sz="0" w:space="0" w:color="auto"/>
        <w:right w:val="none" w:sz="0" w:space="0" w:color="auto"/>
      </w:divBdr>
      <w:divsChild>
        <w:div w:id="143737843">
          <w:marLeft w:val="0"/>
          <w:marRight w:val="0"/>
          <w:marTop w:val="300"/>
          <w:marBottom w:val="0"/>
          <w:divBdr>
            <w:top w:val="none" w:sz="0" w:space="0" w:color="auto"/>
            <w:left w:val="none" w:sz="0" w:space="0" w:color="auto"/>
            <w:bottom w:val="none" w:sz="0" w:space="0" w:color="auto"/>
            <w:right w:val="none" w:sz="0" w:space="0" w:color="auto"/>
          </w:divBdr>
          <w:divsChild>
            <w:div w:id="443117482">
              <w:marLeft w:val="0"/>
              <w:marRight w:val="0"/>
              <w:marTop w:val="0"/>
              <w:marBottom w:val="0"/>
              <w:divBdr>
                <w:top w:val="none" w:sz="0" w:space="0" w:color="auto"/>
                <w:left w:val="none" w:sz="0" w:space="0" w:color="auto"/>
                <w:bottom w:val="none" w:sz="0" w:space="0" w:color="auto"/>
                <w:right w:val="none" w:sz="0" w:space="0" w:color="auto"/>
              </w:divBdr>
              <w:divsChild>
                <w:div w:id="1679845290">
                  <w:marLeft w:val="0"/>
                  <w:marRight w:val="0"/>
                  <w:marTop w:val="0"/>
                  <w:marBottom w:val="0"/>
                  <w:divBdr>
                    <w:top w:val="none" w:sz="0" w:space="0" w:color="auto"/>
                    <w:left w:val="none" w:sz="0" w:space="0" w:color="auto"/>
                    <w:bottom w:val="none" w:sz="0" w:space="0" w:color="auto"/>
                    <w:right w:val="none" w:sz="0" w:space="0" w:color="auto"/>
                  </w:divBdr>
                  <w:divsChild>
                    <w:div w:id="63839914">
                      <w:marLeft w:val="0"/>
                      <w:marRight w:val="0"/>
                      <w:marTop w:val="0"/>
                      <w:marBottom w:val="0"/>
                      <w:divBdr>
                        <w:top w:val="none" w:sz="0" w:space="0" w:color="auto"/>
                        <w:left w:val="none" w:sz="0" w:space="0" w:color="auto"/>
                        <w:bottom w:val="none" w:sz="0" w:space="0" w:color="auto"/>
                        <w:right w:val="none" w:sz="0" w:space="0" w:color="auto"/>
                      </w:divBdr>
                      <w:divsChild>
                        <w:div w:id="212024789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image" Target="media/image2.jpeg"/><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jpeg"/><Relationship Id="rId5" Type="http://schemas.openxmlformats.org/officeDocument/2006/relationships/endnotes" Target="endnotes.xml"/><Relationship Id="rId4" Type="http://schemas.openxmlformats.org/officeDocument/2006/relationships/footnotes" Target="footnotes.xml"/><Relationship Id="rId9" Type="http://schemas.openxmlformats.org/officeDocument/2006/relationships/theme" Target="theme/theme1.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3</Pages>
  <Words>233</Words>
  <Characters>1334</Characters>
  <Application>Microsoft Office Word</Application>
  <DocSecurity>0</DocSecurity>
  <Lines>11</Lines>
  <Paragraphs>3</Paragraphs>
  <ScaleCrop>false</ScaleCrop>
  <Company>长江大学 </Company>
  <LinksUpToDate>false</LinksUpToDate>
  <CharactersWithSpaces>156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henfei</dc:creator>
  <cp:keywords/>
  <dc:description/>
  <cp:lastModifiedBy>chenfei</cp:lastModifiedBy>
  <cp:revision>2</cp:revision>
  <dcterms:created xsi:type="dcterms:W3CDTF">2014-05-10T00:31:00Z</dcterms:created>
  <dcterms:modified xsi:type="dcterms:W3CDTF">2014-05-10T00:31:00Z</dcterms:modified>
</cp:coreProperties>
</file>